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sec\s1104\01_調査\03_広報\刊行物\★統計書\R元年度版統計書（R2作成）\チェック用Excel\第４編\チェック後\"/>
    </mc:Choice>
  </mc:AlternateContent>
  <bookViews>
    <workbookView xWindow="0" yWindow="0" windowWidth="28800" windowHeight="12012"/>
  </bookViews>
  <sheets>
    <sheet name="１１（１）（２）自動車税（旧法による税(自取税・自動車税)含む" sheetId="1" r:id="rId1"/>
  </sheets>
  <definedNames>
    <definedName name="_xlnm.Print_Area" localSheetId="0">'１１（１）（２）自動車税（旧法による税(自取税・自動車税)含む'!$A$1:$M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1" uniqueCount="27">
  <si>
    <t>１１　自動車税（旧法による税「自動車取得税」・「自動車税」を含む。）</t>
    <rPh sb="3" eb="6">
      <t>ジドウシャ</t>
    </rPh>
    <rPh sb="6" eb="7">
      <t>ゼイ</t>
    </rPh>
    <rPh sb="8" eb="10">
      <t>キュウホウ</t>
    </rPh>
    <rPh sb="13" eb="14">
      <t>ゼイ</t>
    </rPh>
    <rPh sb="15" eb="18">
      <t>ジドウシャ</t>
    </rPh>
    <rPh sb="18" eb="20">
      <t>シュトク</t>
    </rPh>
    <rPh sb="20" eb="21">
      <t>ゼイ</t>
    </rPh>
    <rPh sb="24" eb="27">
      <t>ジドウシャ</t>
    </rPh>
    <rPh sb="27" eb="28">
      <t>ゼイ</t>
    </rPh>
    <rPh sb="30" eb="31">
      <t>フク</t>
    </rPh>
    <phoneticPr fontId="3"/>
  </si>
  <si>
    <t>区　　　分</t>
    <rPh sb="0" eb="5">
      <t>クブン</t>
    </rPh>
    <phoneticPr fontId="3"/>
  </si>
  <si>
    <t>新　　　　車</t>
    <phoneticPr fontId="3"/>
  </si>
  <si>
    <t>中　古　車</t>
    <phoneticPr fontId="3"/>
  </si>
  <si>
    <t>合　　　　計</t>
    <phoneticPr fontId="3"/>
  </si>
  <si>
    <t>課税標準額</t>
    <rPh sb="0" eb="2">
      <t>カゼイ</t>
    </rPh>
    <rPh sb="2" eb="5">
      <t>ヒョウジュンガク</t>
    </rPh>
    <phoneticPr fontId="3"/>
  </si>
  <si>
    <t>調　定　額</t>
    <phoneticPr fontId="3"/>
  </si>
  <si>
    <t>課税標準額</t>
  </si>
  <si>
    <t>税　　額</t>
    <phoneticPr fontId="3"/>
  </si>
  <si>
    <t>件　　数</t>
    <phoneticPr fontId="3"/>
  </si>
  <si>
    <t>千円</t>
    <phoneticPr fontId="3"/>
  </si>
  <si>
    <t>件</t>
    <phoneticPr fontId="3"/>
  </si>
  <si>
    <t>千円</t>
  </si>
  <si>
    <t>件</t>
    <rPh sb="0" eb="1">
      <t>ケン</t>
    </rPh>
    <phoneticPr fontId="3"/>
  </si>
  <si>
    <t>　件</t>
    <rPh sb="1" eb="2">
      <t>ケン</t>
    </rPh>
    <phoneticPr fontId="3"/>
  </si>
  <si>
    <t>自動車</t>
  </si>
  <si>
    <t>乗用車</t>
  </si>
  <si>
    <t>トラック</t>
  </si>
  <si>
    <t>バス</t>
  </si>
  <si>
    <t>特種用途車</t>
  </si>
  <si>
    <t>計</t>
  </si>
  <si>
    <t>軽自動車</t>
  </si>
  <si>
    <t>（２）車種別課税状況（自動車税環境性能割）</t>
    <rPh sb="3" eb="5">
      <t>シャシュ</t>
    </rPh>
    <rPh sb="5" eb="6">
      <t>ベツ</t>
    </rPh>
    <rPh sb="6" eb="8">
      <t>カゼイ</t>
    </rPh>
    <rPh sb="8" eb="10">
      <t>ジョウキョウ</t>
    </rPh>
    <rPh sb="11" eb="14">
      <t>ジドウシャ</t>
    </rPh>
    <rPh sb="14" eb="15">
      <t>ゼイ</t>
    </rPh>
    <rPh sb="15" eb="17">
      <t>カンキョウ</t>
    </rPh>
    <rPh sb="17" eb="19">
      <t>セイノウ</t>
    </rPh>
    <rPh sb="19" eb="20">
      <t>ワリ</t>
    </rPh>
    <phoneticPr fontId="3"/>
  </si>
  <si>
    <t>件</t>
  </si>
  <si>
    <t>合計</t>
    <rPh sb="0" eb="2">
      <t>ゴウケイ</t>
    </rPh>
    <phoneticPr fontId="3"/>
  </si>
  <si>
    <t>備考　特種用途車は、三輪の小型自動車を含む。</t>
    <rPh sb="0" eb="2">
      <t>ビコウ</t>
    </rPh>
    <rPh sb="3" eb="5">
      <t>トクシュ</t>
    </rPh>
    <rPh sb="5" eb="7">
      <t>ヨウト</t>
    </rPh>
    <rPh sb="7" eb="8">
      <t>シャ</t>
    </rPh>
    <rPh sb="10" eb="12">
      <t>サンリン</t>
    </rPh>
    <rPh sb="13" eb="15">
      <t>コガタ</t>
    </rPh>
    <rPh sb="15" eb="18">
      <t>ジドウシャ</t>
    </rPh>
    <rPh sb="19" eb="20">
      <t>フク</t>
    </rPh>
    <phoneticPr fontId="3"/>
  </si>
  <si>
    <t>（１）車種別課税状況（旧法による税「自動車取得税」）</t>
    <rPh sb="3" eb="5">
      <t>シャシュ</t>
    </rPh>
    <rPh sb="5" eb="6">
      <t>ベツ</t>
    </rPh>
    <rPh sb="6" eb="8">
      <t>カゼイ</t>
    </rPh>
    <rPh sb="8" eb="10">
      <t>ジョウキョ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 * #,##0_ ;_ * \-#,##0_ ;_ * &quot;-&quot;_ ;_ @_ 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b/>
      <sz val="18"/>
      <name val="ＭＳ Ｐ明朝"/>
      <family val="1"/>
      <charset val="128"/>
    </font>
    <font>
      <sz val="16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7">
    <xf numFmtId="0" fontId="0" fillId="0" borderId="0" xfId="0"/>
    <xf numFmtId="0" fontId="2" fillId="0" borderId="0" xfId="0" applyFont="1" applyFill="1"/>
    <xf numFmtId="0" fontId="4" fillId="0" borderId="0" xfId="0" applyFont="1" applyFill="1"/>
    <xf numFmtId="0" fontId="5" fillId="0" borderId="0" xfId="0" applyFont="1" applyFill="1"/>
    <xf numFmtId="38" fontId="2" fillId="0" borderId="17" xfId="1" applyFont="1" applyFill="1" applyBorder="1" applyAlignment="1">
      <alignment horizontal="center" vertical="center"/>
    </xf>
    <xf numFmtId="38" fontId="2" fillId="0" borderId="15" xfId="1" applyFont="1" applyFill="1" applyBorder="1" applyAlignment="1">
      <alignment horizontal="center" vertical="center"/>
    </xf>
    <xf numFmtId="38" fontId="2" fillId="0" borderId="11" xfId="1" applyFont="1" applyFill="1" applyBorder="1" applyAlignment="1">
      <alignment horizontal="center" vertical="center"/>
    </xf>
    <xf numFmtId="38" fontId="2" fillId="0" borderId="18" xfId="1" applyFont="1" applyFill="1" applyBorder="1" applyAlignment="1">
      <alignment horizontal="center" vertical="center"/>
    </xf>
    <xf numFmtId="38" fontId="2" fillId="0" borderId="19" xfId="1" applyFont="1" applyFill="1" applyBorder="1" applyAlignment="1">
      <alignment horizontal="right" vertical="center"/>
    </xf>
    <xf numFmtId="38" fontId="2" fillId="0" borderId="20" xfId="1" applyFont="1" applyFill="1" applyBorder="1" applyAlignment="1">
      <alignment horizontal="right" vertical="center"/>
    </xf>
    <xf numFmtId="41" fontId="2" fillId="0" borderId="21" xfId="1" applyNumberFormat="1" applyFont="1" applyFill="1" applyBorder="1" applyAlignment="1">
      <alignment horizontal="right" vertical="center"/>
    </xf>
    <xf numFmtId="41" fontId="2" fillId="0" borderId="22" xfId="1" applyNumberFormat="1" applyFont="1" applyFill="1" applyBorder="1" applyAlignment="1">
      <alignment horizontal="right" vertical="center"/>
    </xf>
    <xf numFmtId="41" fontId="2" fillId="0" borderId="20" xfId="1" applyNumberFormat="1" applyFont="1" applyFill="1" applyBorder="1" applyAlignment="1">
      <alignment horizontal="right" vertical="center"/>
    </xf>
    <xf numFmtId="41" fontId="2" fillId="0" borderId="9" xfId="1" applyNumberFormat="1" applyFont="1" applyFill="1" applyBorder="1" applyAlignment="1">
      <alignment horizontal="right" vertical="center"/>
    </xf>
    <xf numFmtId="41" fontId="2" fillId="0" borderId="0" xfId="1" applyNumberFormat="1" applyFont="1" applyFill="1" applyBorder="1" applyAlignment="1">
      <alignment horizontal="right" vertical="center"/>
    </xf>
    <xf numFmtId="41" fontId="2" fillId="0" borderId="23" xfId="1" applyNumberFormat="1" applyFont="1" applyFill="1" applyBorder="1" applyAlignment="1">
      <alignment horizontal="right" vertical="center"/>
    </xf>
    <xf numFmtId="0" fontId="2" fillId="0" borderId="0" xfId="0" applyFont="1" applyFill="1" applyAlignment="1">
      <alignment vertical="center"/>
    </xf>
    <xf numFmtId="0" fontId="2" fillId="0" borderId="8" xfId="1" applyNumberFormat="1" applyFont="1" applyFill="1" applyBorder="1" applyAlignment="1">
      <alignment horizontal="distributed" vertical="center" indent="1"/>
    </xf>
    <xf numFmtId="41" fontId="2" fillId="0" borderId="21" xfId="1" applyNumberFormat="1" applyFont="1" applyFill="1" applyBorder="1" applyAlignment="1">
      <alignment vertical="center"/>
    </xf>
    <xf numFmtId="41" fontId="2" fillId="0" borderId="0" xfId="1" applyNumberFormat="1" applyFont="1" applyFill="1" applyBorder="1" applyAlignment="1">
      <alignment vertical="center"/>
    </xf>
    <xf numFmtId="41" fontId="2" fillId="0" borderId="24" xfId="1" applyNumberFormat="1" applyFont="1" applyFill="1" applyBorder="1" applyAlignment="1">
      <alignment vertical="center"/>
    </xf>
    <xf numFmtId="41" fontId="2" fillId="0" borderId="23" xfId="1" applyNumberFormat="1" applyFont="1" applyFill="1" applyBorder="1" applyAlignment="1">
      <alignment vertical="center"/>
    </xf>
    <xf numFmtId="0" fontId="6" fillId="0" borderId="8" xfId="1" applyNumberFormat="1" applyFont="1" applyFill="1" applyBorder="1" applyAlignment="1">
      <alignment horizontal="distributed" vertical="center" indent="1"/>
    </xf>
    <xf numFmtId="41" fontId="6" fillId="0" borderId="24" xfId="1" applyNumberFormat="1" applyFont="1" applyFill="1" applyBorder="1" applyAlignment="1">
      <alignment vertical="center"/>
    </xf>
    <xf numFmtId="41" fontId="6" fillId="0" borderId="21" xfId="1" applyNumberFormat="1" applyFont="1" applyFill="1" applyBorder="1" applyAlignment="1">
      <alignment vertical="center"/>
    </xf>
    <xf numFmtId="41" fontId="6" fillId="0" borderId="0" xfId="1" applyNumberFormat="1" applyFont="1" applyFill="1" applyBorder="1" applyAlignment="1">
      <alignment vertical="center"/>
    </xf>
    <xf numFmtId="41" fontId="6" fillId="0" borderId="23" xfId="1" applyNumberFormat="1" applyFont="1" applyFill="1" applyBorder="1" applyAlignment="1">
      <alignment vertical="center"/>
    </xf>
    <xf numFmtId="41" fontId="6" fillId="0" borderId="8" xfId="1" applyNumberFormat="1" applyFont="1" applyFill="1" applyBorder="1" applyAlignment="1">
      <alignment vertical="center"/>
    </xf>
    <xf numFmtId="41" fontId="6" fillId="0" borderId="27" xfId="1" applyNumberFormat="1" applyFont="1" applyFill="1" applyBorder="1" applyAlignment="1">
      <alignment vertical="center"/>
    </xf>
    <xf numFmtId="41" fontId="6" fillId="0" borderId="28" xfId="1" applyNumberFormat="1" applyFont="1" applyFill="1" applyBorder="1" applyAlignment="1">
      <alignment vertical="center"/>
    </xf>
    <xf numFmtId="41" fontId="6" fillId="0" borderId="29" xfId="1" applyNumberFormat="1" applyFont="1" applyFill="1" applyBorder="1" applyAlignment="1">
      <alignment vertical="center"/>
    </xf>
    <xf numFmtId="41" fontId="6" fillId="0" borderId="26" xfId="1" applyNumberFormat="1" applyFont="1" applyFill="1" applyBorder="1" applyAlignment="1">
      <alignment vertical="center"/>
    </xf>
    <xf numFmtId="41" fontId="6" fillId="0" borderId="30" xfId="1" applyNumberFormat="1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41" fontId="2" fillId="0" borderId="8" xfId="1" applyNumberFormat="1" applyFont="1" applyFill="1" applyBorder="1" applyAlignment="1">
      <alignment vertical="center"/>
    </xf>
    <xf numFmtId="0" fontId="6" fillId="0" borderId="26" xfId="1" applyNumberFormat="1" applyFont="1" applyFill="1" applyBorder="1" applyAlignment="1">
      <alignment horizontal="distributed" vertical="center" indent="1"/>
    </xf>
    <xf numFmtId="38" fontId="2" fillId="0" borderId="7" xfId="1" applyFont="1" applyFill="1" applyBorder="1" applyAlignment="1">
      <alignment horizontal="left" vertical="center" textRotation="255"/>
    </xf>
    <xf numFmtId="0" fontId="2" fillId="0" borderId="7" xfId="0" applyFont="1" applyFill="1" applyBorder="1" applyAlignment="1">
      <alignment horizontal="left" vertical="center" textRotation="255"/>
    </xf>
    <xf numFmtId="0" fontId="2" fillId="0" borderId="25" xfId="0" applyFont="1" applyFill="1" applyBorder="1" applyAlignment="1">
      <alignment horizontal="left" vertical="center" textRotation="255"/>
    </xf>
    <xf numFmtId="38" fontId="2" fillId="0" borderId="3" xfId="1" applyFont="1" applyFill="1" applyBorder="1" applyAlignment="1">
      <alignment horizontal="center" vertical="center"/>
    </xf>
    <xf numFmtId="38" fontId="2" fillId="0" borderId="4" xfId="1" applyFont="1" applyFill="1" applyBorder="1" applyAlignment="1">
      <alignment horizontal="center" vertical="center"/>
    </xf>
    <xf numFmtId="38" fontId="2" fillId="0" borderId="6" xfId="1" applyFont="1" applyFill="1" applyBorder="1" applyAlignment="1">
      <alignment horizontal="center" vertical="center"/>
    </xf>
    <xf numFmtId="38" fontId="2" fillId="0" borderId="9" xfId="1" applyFont="1" applyFill="1" applyBorder="1" applyAlignment="1">
      <alignment horizontal="center" vertical="center"/>
    </xf>
    <xf numFmtId="38" fontId="2" fillId="0" borderId="16" xfId="1" applyFont="1" applyFill="1" applyBorder="1" applyAlignment="1">
      <alignment horizontal="center" vertical="center"/>
    </xf>
    <xf numFmtId="38" fontId="2" fillId="0" borderId="10" xfId="1" applyFont="1" applyFill="1" applyBorder="1" applyAlignment="1">
      <alignment horizontal="center" vertical="center"/>
    </xf>
    <xf numFmtId="38" fontId="2" fillId="0" borderId="11" xfId="1" applyFont="1" applyFill="1" applyBorder="1" applyAlignment="1">
      <alignment horizontal="center" vertical="center"/>
    </xf>
    <xf numFmtId="38" fontId="2" fillId="0" borderId="12" xfId="1" applyFont="1" applyFill="1" applyBorder="1" applyAlignment="1">
      <alignment horizontal="center" vertical="center"/>
    </xf>
    <xf numFmtId="38" fontId="2" fillId="0" borderId="13" xfId="1" applyFont="1" applyFill="1" applyBorder="1" applyAlignment="1">
      <alignment horizontal="center" vertical="center"/>
    </xf>
    <xf numFmtId="38" fontId="2" fillId="0" borderId="5" xfId="1" applyFont="1" applyFill="1" applyBorder="1" applyAlignment="1">
      <alignment horizontal="center" vertical="center"/>
    </xf>
    <xf numFmtId="38" fontId="6" fillId="0" borderId="25" xfId="1" applyFont="1" applyFill="1" applyBorder="1" applyAlignment="1">
      <alignment horizontal="center" vertical="center"/>
    </xf>
    <xf numFmtId="38" fontId="6" fillId="0" borderId="26" xfId="1" applyFont="1" applyFill="1" applyBorder="1" applyAlignment="1">
      <alignment horizontal="center" vertical="center"/>
    </xf>
    <xf numFmtId="38" fontId="2" fillId="0" borderId="1" xfId="1" applyFont="1" applyFill="1" applyBorder="1" applyAlignment="1">
      <alignment horizontal="center" vertical="center"/>
    </xf>
    <xf numFmtId="38" fontId="2" fillId="0" borderId="2" xfId="1" applyFont="1" applyFill="1" applyBorder="1" applyAlignment="1">
      <alignment horizontal="center" vertical="center"/>
    </xf>
    <xf numFmtId="38" fontId="2" fillId="0" borderId="7" xfId="1" applyFont="1" applyFill="1" applyBorder="1" applyAlignment="1">
      <alignment horizontal="center" vertical="center"/>
    </xf>
    <xf numFmtId="38" fontId="2" fillId="0" borderId="8" xfId="1" applyFont="1" applyFill="1" applyBorder="1" applyAlignment="1">
      <alignment horizontal="center" vertical="center"/>
    </xf>
    <xf numFmtId="38" fontId="2" fillId="0" borderId="14" xfId="1" applyFont="1" applyFill="1" applyBorder="1" applyAlignment="1">
      <alignment horizontal="center" vertical="center"/>
    </xf>
    <xf numFmtId="38" fontId="2" fillId="0" borderId="15" xfId="1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314324</xdr:colOff>
      <xdr:row>9</xdr:row>
      <xdr:rowOff>76200</xdr:rowOff>
    </xdr:from>
    <xdr:to>
      <xdr:col>2</xdr:col>
      <xdr:colOff>144779</xdr:colOff>
      <xdr:row>13</xdr:row>
      <xdr:rowOff>297180</xdr:rowOff>
    </xdr:to>
    <xdr:sp macro="" textlink="">
      <xdr:nvSpPr>
        <xdr:cNvPr id="2" name="AutoShape 1"/>
        <xdr:cNvSpPr>
          <a:spLocks/>
        </xdr:cNvSpPr>
      </xdr:nvSpPr>
      <xdr:spPr bwMode="auto">
        <a:xfrm>
          <a:off x="476249" y="2314575"/>
          <a:ext cx="259080" cy="1744980"/>
        </a:xfrm>
        <a:prstGeom prst="leftBrace">
          <a:avLst>
            <a:gd name="adj1" fmla="val 49230"/>
            <a:gd name="adj2" fmla="val 50000"/>
          </a:avLst>
        </a:prstGeom>
        <a:noFill/>
        <a:ln w="6350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320040</xdr:colOff>
      <xdr:row>14</xdr:row>
      <xdr:rowOff>30480</xdr:rowOff>
    </xdr:from>
    <xdr:to>
      <xdr:col>2</xdr:col>
      <xdr:colOff>129540</xdr:colOff>
      <xdr:row>16</xdr:row>
      <xdr:rowOff>312420</xdr:rowOff>
    </xdr:to>
    <xdr:sp macro="" textlink="">
      <xdr:nvSpPr>
        <xdr:cNvPr id="3" name="AutoShape 1"/>
        <xdr:cNvSpPr>
          <a:spLocks/>
        </xdr:cNvSpPr>
      </xdr:nvSpPr>
      <xdr:spPr bwMode="auto">
        <a:xfrm>
          <a:off x="481965" y="4173855"/>
          <a:ext cx="238125" cy="1043940"/>
        </a:xfrm>
        <a:prstGeom prst="leftBrace">
          <a:avLst>
            <a:gd name="adj1" fmla="val 41537"/>
            <a:gd name="adj2" fmla="val 50000"/>
          </a:avLst>
        </a:prstGeom>
        <a:noFill/>
        <a:ln w="6350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314324</xdr:colOff>
      <xdr:row>24</xdr:row>
      <xdr:rowOff>76200</xdr:rowOff>
    </xdr:from>
    <xdr:to>
      <xdr:col>2</xdr:col>
      <xdr:colOff>144779</xdr:colOff>
      <xdr:row>28</xdr:row>
      <xdr:rowOff>297180</xdr:rowOff>
    </xdr:to>
    <xdr:sp macro="" textlink="">
      <xdr:nvSpPr>
        <xdr:cNvPr id="4" name="AutoShape 1"/>
        <xdr:cNvSpPr>
          <a:spLocks/>
        </xdr:cNvSpPr>
      </xdr:nvSpPr>
      <xdr:spPr bwMode="auto">
        <a:xfrm>
          <a:off x="476249" y="7458075"/>
          <a:ext cx="259080" cy="1744980"/>
        </a:xfrm>
        <a:prstGeom prst="leftBrace">
          <a:avLst>
            <a:gd name="adj1" fmla="val 49230"/>
            <a:gd name="adj2" fmla="val 50000"/>
          </a:avLst>
        </a:prstGeom>
        <a:noFill/>
        <a:ln w="6350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L30"/>
  <sheetViews>
    <sheetView tabSelected="1" zoomScaleNormal="100" workbookViewId="0">
      <selection activeCell="B2" sqref="B2"/>
    </sheetView>
  </sheetViews>
  <sheetFormatPr defaultColWidth="9" defaultRowHeight="13.2" x14ac:dyDescent="0.2"/>
  <cols>
    <col min="1" max="1" width="2.109375" style="1" customWidth="1"/>
    <col min="2" max="2" width="5.6640625" style="1" customWidth="1"/>
    <col min="3" max="3" width="15.77734375" style="1" customWidth="1"/>
    <col min="4" max="4" width="18.109375" style="1" customWidth="1"/>
    <col min="5" max="5" width="21.109375" style="1" customWidth="1"/>
    <col min="6" max="6" width="13.109375" style="1" customWidth="1"/>
    <col min="7" max="7" width="18.6640625" style="1" customWidth="1"/>
    <col min="8" max="8" width="20.6640625" style="1" customWidth="1"/>
    <col min="9" max="9" width="14.109375" style="1" customWidth="1"/>
    <col min="10" max="10" width="22.6640625" style="1" customWidth="1"/>
    <col min="11" max="11" width="21.6640625" style="1" customWidth="1"/>
    <col min="12" max="12" width="15.109375" style="1" customWidth="1"/>
    <col min="13" max="16384" width="9" style="1"/>
  </cols>
  <sheetData>
    <row r="1" spans="2:12" ht="6.75" customHeight="1" x14ac:dyDescent="0.2"/>
    <row r="2" spans="2:12" ht="24" customHeight="1" x14ac:dyDescent="0.25">
      <c r="B2" s="2" t="s">
        <v>0</v>
      </c>
    </row>
    <row r="3" spans="2:12" ht="12" customHeight="1" x14ac:dyDescent="0.2"/>
    <row r="4" spans="2:12" ht="12" customHeight="1" x14ac:dyDescent="0.2"/>
    <row r="5" spans="2:12" ht="24" customHeight="1" thickBot="1" x14ac:dyDescent="0.3">
      <c r="B5" s="3" t="s">
        <v>26</v>
      </c>
    </row>
    <row r="6" spans="2:12" ht="24" customHeight="1" x14ac:dyDescent="0.2">
      <c r="B6" s="51" t="s">
        <v>1</v>
      </c>
      <c r="C6" s="52"/>
      <c r="D6" s="39" t="s">
        <v>2</v>
      </c>
      <c r="E6" s="40"/>
      <c r="F6" s="48"/>
      <c r="G6" s="39" t="s">
        <v>3</v>
      </c>
      <c r="H6" s="40"/>
      <c r="I6" s="48"/>
      <c r="J6" s="39" t="s">
        <v>4</v>
      </c>
      <c r="K6" s="40"/>
      <c r="L6" s="41"/>
    </row>
    <row r="7" spans="2:12" ht="24" customHeight="1" x14ac:dyDescent="0.2">
      <c r="B7" s="53"/>
      <c r="C7" s="54"/>
      <c r="D7" s="42" t="s">
        <v>5</v>
      </c>
      <c r="E7" s="44" t="s">
        <v>6</v>
      </c>
      <c r="F7" s="45"/>
      <c r="G7" s="42" t="s">
        <v>7</v>
      </c>
      <c r="H7" s="46" t="s">
        <v>6</v>
      </c>
      <c r="I7" s="45"/>
      <c r="J7" s="42" t="s">
        <v>7</v>
      </c>
      <c r="K7" s="44" t="s">
        <v>6</v>
      </c>
      <c r="L7" s="47"/>
    </row>
    <row r="8" spans="2:12" ht="24" customHeight="1" x14ac:dyDescent="0.2">
      <c r="B8" s="55"/>
      <c r="C8" s="56"/>
      <c r="D8" s="43"/>
      <c r="E8" s="4" t="s">
        <v>8</v>
      </c>
      <c r="F8" s="5" t="s">
        <v>9</v>
      </c>
      <c r="G8" s="43"/>
      <c r="H8" s="6" t="s">
        <v>8</v>
      </c>
      <c r="I8" s="5" t="s">
        <v>9</v>
      </c>
      <c r="J8" s="43"/>
      <c r="K8" s="4" t="s">
        <v>8</v>
      </c>
      <c r="L8" s="7" t="s">
        <v>9</v>
      </c>
    </row>
    <row r="9" spans="2:12" s="16" customFormat="1" ht="25.5" customHeight="1" x14ac:dyDescent="0.2">
      <c r="B9" s="8"/>
      <c r="C9" s="9"/>
      <c r="D9" s="10" t="s">
        <v>10</v>
      </c>
      <c r="E9" s="11" t="s">
        <v>10</v>
      </c>
      <c r="F9" s="12" t="s">
        <v>11</v>
      </c>
      <c r="G9" s="13" t="s">
        <v>12</v>
      </c>
      <c r="H9" s="14" t="s">
        <v>10</v>
      </c>
      <c r="I9" s="12" t="s">
        <v>13</v>
      </c>
      <c r="J9" s="11" t="s">
        <v>12</v>
      </c>
      <c r="K9" s="11" t="s">
        <v>10</v>
      </c>
      <c r="L9" s="15" t="s">
        <v>14</v>
      </c>
    </row>
    <row r="10" spans="2:12" ht="30" customHeight="1" x14ac:dyDescent="0.2">
      <c r="B10" s="36" t="s">
        <v>15</v>
      </c>
      <c r="C10" s="17" t="s">
        <v>16</v>
      </c>
      <c r="D10" s="18">
        <v>163350087</v>
      </c>
      <c r="E10" s="18">
        <v>4494506</v>
      </c>
      <c r="F10" s="19">
        <v>55525</v>
      </c>
      <c r="G10" s="20">
        <v>21956941</v>
      </c>
      <c r="H10" s="19">
        <v>656988</v>
      </c>
      <c r="I10" s="19">
        <v>17558</v>
      </c>
      <c r="J10" s="18">
        <v>185307028</v>
      </c>
      <c r="K10" s="18">
        <v>5151494</v>
      </c>
      <c r="L10" s="21">
        <v>73083</v>
      </c>
    </row>
    <row r="11" spans="2:12" ht="30" customHeight="1" x14ac:dyDescent="0.2">
      <c r="B11" s="37"/>
      <c r="C11" s="17" t="s">
        <v>17</v>
      </c>
      <c r="D11" s="18">
        <v>37334680</v>
      </c>
      <c r="E11" s="18">
        <v>492311</v>
      </c>
      <c r="F11" s="19">
        <v>9259</v>
      </c>
      <c r="G11" s="20">
        <v>1413430</v>
      </c>
      <c r="H11" s="19">
        <v>37028</v>
      </c>
      <c r="I11" s="19">
        <v>962</v>
      </c>
      <c r="J11" s="18">
        <v>38748110</v>
      </c>
      <c r="K11" s="18">
        <v>529339</v>
      </c>
      <c r="L11" s="21">
        <v>10221</v>
      </c>
    </row>
    <row r="12" spans="2:12" ht="30" customHeight="1" x14ac:dyDescent="0.2">
      <c r="B12" s="37"/>
      <c r="C12" s="17" t="s">
        <v>18</v>
      </c>
      <c r="D12" s="18">
        <v>2006372</v>
      </c>
      <c r="E12" s="18">
        <v>27261</v>
      </c>
      <c r="F12" s="19">
        <v>231</v>
      </c>
      <c r="G12" s="20">
        <v>41747</v>
      </c>
      <c r="H12" s="19">
        <v>933</v>
      </c>
      <c r="I12" s="19">
        <v>24</v>
      </c>
      <c r="J12" s="18">
        <v>2048119</v>
      </c>
      <c r="K12" s="18">
        <v>28194</v>
      </c>
      <c r="L12" s="21">
        <v>255</v>
      </c>
    </row>
    <row r="13" spans="2:12" ht="30" customHeight="1" x14ac:dyDescent="0.2">
      <c r="B13" s="37"/>
      <c r="C13" s="17" t="s">
        <v>19</v>
      </c>
      <c r="D13" s="20">
        <v>9052992</v>
      </c>
      <c r="E13" s="18">
        <v>140331</v>
      </c>
      <c r="F13" s="19">
        <v>1730</v>
      </c>
      <c r="G13" s="20">
        <v>265722</v>
      </c>
      <c r="H13" s="18">
        <v>6617</v>
      </c>
      <c r="I13" s="19">
        <v>155</v>
      </c>
      <c r="J13" s="20">
        <v>9318714</v>
      </c>
      <c r="K13" s="18">
        <v>146948</v>
      </c>
      <c r="L13" s="21">
        <v>1885</v>
      </c>
    </row>
    <row r="14" spans="2:12" ht="30" customHeight="1" x14ac:dyDescent="0.2">
      <c r="B14" s="37"/>
      <c r="C14" s="22" t="s">
        <v>20</v>
      </c>
      <c r="D14" s="23">
        <v>211744131</v>
      </c>
      <c r="E14" s="24">
        <v>5154409</v>
      </c>
      <c r="F14" s="25">
        <v>66745</v>
      </c>
      <c r="G14" s="23">
        <v>23677840</v>
      </c>
      <c r="H14" s="25">
        <v>701566</v>
      </c>
      <c r="I14" s="25">
        <v>18699</v>
      </c>
      <c r="J14" s="23">
        <v>235421971</v>
      </c>
      <c r="K14" s="24">
        <v>5855975</v>
      </c>
      <c r="L14" s="26">
        <v>85444</v>
      </c>
    </row>
    <row r="15" spans="2:12" ht="30" customHeight="1" x14ac:dyDescent="0.2">
      <c r="B15" s="36" t="s">
        <v>21</v>
      </c>
      <c r="C15" s="17" t="s">
        <v>16</v>
      </c>
      <c r="D15" s="20">
        <v>34111724</v>
      </c>
      <c r="E15" s="18">
        <v>519656</v>
      </c>
      <c r="F15" s="19">
        <v>24298</v>
      </c>
      <c r="G15" s="20">
        <v>1097053</v>
      </c>
      <c r="H15" s="19">
        <v>21879</v>
      </c>
      <c r="I15" s="19">
        <v>2048</v>
      </c>
      <c r="J15" s="20">
        <v>35208777</v>
      </c>
      <c r="K15" s="18">
        <v>541535</v>
      </c>
      <c r="L15" s="21">
        <v>26346</v>
      </c>
    </row>
    <row r="16" spans="2:12" ht="30" customHeight="1" x14ac:dyDescent="0.2">
      <c r="B16" s="37"/>
      <c r="C16" s="17" t="s">
        <v>17</v>
      </c>
      <c r="D16" s="20">
        <v>7255258</v>
      </c>
      <c r="E16" s="18">
        <v>125191</v>
      </c>
      <c r="F16" s="19">
        <v>6990</v>
      </c>
      <c r="G16" s="20">
        <v>182171</v>
      </c>
      <c r="H16" s="19">
        <v>3639</v>
      </c>
      <c r="I16" s="19">
        <v>375</v>
      </c>
      <c r="J16" s="20">
        <v>7437429</v>
      </c>
      <c r="K16" s="18">
        <v>128830</v>
      </c>
      <c r="L16" s="21">
        <v>7365</v>
      </c>
    </row>
    <row r="17" spans="2:12" ht="30" customHeight="1" x14ac:dyDescent="0.2">
      <c r="B17" s="37"/>
      <c r="C17" s="22" t="s">
        <v>20</v>
      </c>
      <c r="D17" s="23">
        <v>41366982</v>
      </c>
      <c r="E17" s="24">
        <v>644847</v>
      </c>
      <c r="F17" s="25">
        <v>31288</v>
      </c>
      <c r="G17" s="23">
        <v>1279224</v>
      </c>
      <c r="H17" s="25">
        <v>25518</v>
      </c>
      <c r="I17" s="27">
        <v>2423</v>
      </c>
      <c r="J17" s="23">
        <v>42646206</v>
      </c>
      <c r="K17" s="25">
        <v>670365</v>
      </c>
      <c r="L17" s="26">
        <v>33711</v>
      </c>
    </row>
    <row r="18" spans="2:12" ht="30" customHeight="1" thickBot="1" x14ac:dyDescent="0.25">
      <c r="B18" s="49" t="s">
        <v>4</v>
      </c>
      <c r="C18" s="50"/>
      <c r="D18" s="28">
        <v>253111113</v>
      </c>
      <c r="E18" s="28">
        <v>5799256</v>
      </c>
      <c r="F18" s="29">
        <v>98033</v>
      </c>
      <c r="G18" s="30">
        <v>24957064</v>
      </c>
      <c r="H18" s="28">
        <v>727084</v>
      </c>
      <c r="I18" s="31">
        <v>21122</v>
      </c>
      <c r="J18" s="28">
        <v>278068177</v>
      </c>
      <c r="K18" s="28">
        <v>6526340</v>
      </c>
      <c r="L18" s="32">
        <v>119155</v>
      </c>
    </row>
    <row r="19" spans="2:12" x14ac:dyDescent="0.2">
      <c r="B19" s="33"/>
    </row>
    <row r="20" spans="2:12" ht="24" customHeight="1" thickBot="1" x14ac:dyDescent="0.3">
      <c r="B20" s="3" t="s">
        <v>22</v>
      </c>
    </row>
    <row r="21" spans="2:12" ht="24" customHeight="1" x14ac:dyDescent="0.2">
      <c r="B21" s="51" t="s">
        <v>1</v>
      </c>
      <c r="C21" s="52"/>
      <c r="D21" s="39" t="s">
        <v>2</v>
      </c>
      <c r="E21" s="40"/>
      <c r="F21" s="48"/>
      <c r="G21" s="39" t="s">
        <v>3</v>
      </c>
      <c r="H21" s="40"/>
      <c r="I21" s="48"/>
      <c r="J21" s="39" t="s">
        <v>4</v>
      </c>
      <c r="K21" s="40"/>
      <c r="L21" s="41"/>
    </row>
    <row r="22" spans="2:12" ht="24" customHeight="1" x14ac:dyDescent="0.2">
      <c r="B22" s="53"/>
      <c r="C22" s="54"/>
      <c r="D22" s="42" t="s">
        <v>5</v>
      </c>
      <c r="E22" s="44" t="s">
        <v>6</v>
      </c>
      <c r="F22" s="45"/>
      <c r="G22" s="42" t="s">
        <v>7</v>
      </c>
      <c r="H22" s="46" t="s">
        <v>6</v>
      </c>
      <c r="I22" s="45"/>
      <c r="J22" s="42" t="s">
        <v>7</v>
      </c>
      <c r="K22" s="44" t="s">
        <v>6</v>
      </c>
      <c r="L22" s="47"/>
    </row>
    <row r="23" spans="2:12" ht="24" customHeight="1" x14ac:dyDescent="0.2">
      <c r="B23" s="55"/>
      <c r="C23" s="56"/>
      <c r="D23" s="43"/>
      <c r="E23" s="4" t="s">
        <v>8</v>
      </c>
      <c r="F23" s="5" t="s">
        <v>9</v>
      </c>
      <c r="G23" s="43"/>
      <c r="H23" s="6" t="s">
        <v>8</v>
      </c>
      <c r="I23" s="5" t="s">
        <v>9</v>
      </c>
      <c r="J23" s="43"/>
      <c r="K23" s="4" t="s">
        <v>8</v>
      </c>
      <c r="L23" s="7" t="s">
        <v>9</v>
      </c>
    </row>
    <row r="24" spans="2:12" s="16" customFormat="1" ht="25.5" customHeight="1" x14ac:dyDescent="0.2">
      <c r="B24" s="8"/>
      <c r="C24" s="9"/>
      <c r="D24" s="10" t="s">
        <v>12</v>
      </c>
      <c r="E24" s="11" t="s">
        <v>12</v>
      </c>
      <c r="F24" s="12" t="s">
        <v>23</v>
      </c>
      <c r="G24" s="13" t="s">
        <v>12</v>
      </c>
      <c r="H24" s="14" t="s">
        <v>12</v>
      </c>
      <c r="I24" s="12" t="s">
        <v>13</v>
      </c>
      <c r="J24" s="11" t="s">
        <v>12</v>
      </c>
      <c r="K24" s="11" t="s">
        <v>12</v>
      </c>
      <c r="L24" s="15" t="s">
        <v>14</v>
      </c>
    </row>
    <row r="25" spans="2:12" ht="30" customHeight="1" x14ac:dyDescent="0.2">
      <c r="B25" s="36" t="s">
        <v>15</v>
      </c>
      <c r="C25" s="17" t="s">
        <v>16</v>
      </c>
      <c r="D25" s="18">
        <v>136007690</v>
      </c>
      <c r="E25" s="18">
        <v>2439186</v>
      </c>
      <c r="F25" s="34">
        <v>49111</v>
      </c>
      <c r="G25" s="18">
        <v>15460045</v>
      </c>
      <c r="H25" s="18">
        <v>288123</v>
      </c>
      <c r="I25" s="34">
        <v>10012</v>
      </c>
      <c r="J25" s="18">
        <v>151467735</v>
      </c>
      <c r="K25" s="18">
        <v>2727309</v>
      </c>
      <c r="L25" s="21">
        <v>59123</v>
      </c>
    </row>
    <row r="26" spans="2:12" ht="30" customHeight="1" x14ac:dyDescent="0.2">
      <c r="B26" s="37"/>
      <c r="C26" s="17" t="s">
        <v>17</v>
      </c>
      <c r="D26" s="18">
        <v>21970320</v>
      </c>
      <c r="E26" s="18">
        <v>257354</v>
      </c>
      <c r="F26" s="34">
        <v>5308</v>
      </c>
      <c r="G26" s="18">
        <v>1254859</v>
      </c>
      <c r="H26" s="18">
        <v>14650</v>
      </c>
      <c r="I26" s="34">
        <v>755</v>
      </c>
      <c r="J26" s="18">
        <v>23225179</v>
      </c>
      <c r="K26" s="18">
        <v>272004</v>
      </c>
      <c r="L26" s="21">
        <v>6063</v>
      </c>
    </row>
    <row r="27" spans="2:12" ht="30" customHeight="1" x14ac:dyDescent="0.2">
      <c r="B27" s="37"/>
      <c r="C27" s="17" t="s">
        <v>18</v>
      </c>
      <c r="D27" s="18">
        <v>3958971</v>
      </c>
      <c r="E27" s="18">
        <v>48097</v>
      </c>
      <c r="F27" s="34">
        <v>405</v>
      </c>
      <c r="G27" s="18">
        <v>17705</v>
      </c>
      <c r="H27" s="18">
        <v>266</v>
      </c>
      <c r="I27" s="34">
        <v>15</v>
      </c>
      <c r="J27" s="18">
        <v>3976676</v>
      </c>
      <c r="K27" s="18">
        <v>48363</v>
      </c>
      <c r="L27" s="21">
        <v>420</v>
      </c>
    </row>
    <row r="28" spans="2:12" ht="30" customHeight="1" x14ac:dyDescent="0.2">
      <c r="B28" s="37"/>
      <c r="C28" s="17" t="s">
        <v>19</v>
      </c>
      <c r="D28" s="18">
        <v>6453349</v>
      </c>
      <c r="E28" s="18">
        <v>84016</v>
      </c>
      <c r="F28" s="34">
        <v>1162</v>
      </c>
      <c r="G28" s="18">
        <v>207014</v>
      </c>
      <c r="H28" s="18">
        <v>2594</v>
      </c>
      <c r="I28" s="34">
        <v>128</v>
      </c>
      <c r="J28" s="18">
        <v>6660363</v>
      </c>
      <c r="K28" s="18">
        <v>86610</v>
      </c>
      <c r="L28" s="21">
        <v>1290</v>
      </c>
    </row>
    <row r="29" spans="2:12" ht="30" customHeight="1" thickBot="1" x14ac:dyDescent="0.25">
      <c r="B29" s="38"/>
      <c r="C29" s="35" t="s">
        <v>24</v>
      </c>
      <c r="D29" s="30">
        <v>168390330</v>
      </c>
      <c r="E29" s="28">
        <v>2828653</v>
      </c>
      <c r="F29" s="31">
        <v>55986</v>
      </c>
      <c r="G29" s="30">
        <v>16939623</v>
      </c>
      <c r="H29" s="28">
        <v>305633</v>
      </c>
      <c r="I29" s="31">
        <v>10910</v>
      </c>
      <c r="J29" s="30">
        <v>185329953</v>
      </c>
      <c r="K29" s="28">
        <v>3134286</v>
      </c>
      <c r="L29" s="32">
        <v>66896</v>
      </c>
    </row>
    <row r="30" spans="2:12" ht="13.5" customHeight="1" x14ac:dyDescent="0.2">
      <c r="B30" s="33" t="s">
        <v>25</v>
      </c>
    </row>
  </sheetData>
  <mergeCells count="24">
    <mergeCell ref="B6:C8"/>
    <mergeCell ref="D6:F6"/>
    <mergeCell ref="G6:I6"/>
    <mergeCell ref="J6:L6"/>
    <mergeCell ref="D7:D8"/>
    <mergeCell ref="E7:F7"/>
    <mergeCell ref="G7:G8"/>
    <mergeCell ref="H7:I7"/>
    <mergeCell ref="J7:J8"/>
    <mergeCell ref="K7:L7"/>
    <mergeCell ref="B10:B14"/>
    <mergeCell ref="B15:B17"/>
    <mergeCell ref="B18:C18"/>
    <mergeCell ref="B21:C23"/>
    <mergeCell ref="D21:F21"/>
    <mergeCell ref="B25:B29"/>
    <mergeCell ref="J21:L21"/>
    <mergeCell ref="D22:D23"/>
    <mergeCell ref="E22:F22"/>
    <mergeCell ref="G22:G23"/>
    <mergeCell ref="H22:I22"/>
    <mergeCell ref="J22:J23"/>
    <mergeCell ref="K22:L22"/>
    <mergeCell ref="G21:I21"/>
  </mergeCells>
  <phoneticPr fontId="3"/>
  <pageMargins left="0.98425196850393704" right="0" top="0.39370078740157483" bottom="0.31496062992125984" header="0.19685039370078741" footer="0.15748031496062992"/>
  <pageSetup paperSize="9" scale="68" orientation="landscape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１１（１）（２）自動車税（旧法による税(自取税・自動車税)含む</vt:lpstr>
      <vt:lpstr>'１１（１）（２）自動車税（旧法による税(自取税・自動車税)含む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3-09T09:04:48Z</cp:lastPrinted>
  <dcterms:created xsi:type="dcterms:W3CDTF">2023-02-27T07:14:52Z</dcterms:created>
  <dcterms:modified xsi:type="dcterms:W3CDTF">2023-03-09T10:04:44Z</dcterms:modified>
</cp:coreProperties>
</file>